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01E76AA" w14:textId="16B22F5C" w:rsidR="00100346" w:rsidRDefault="00100346" w:rsidP="00100346">
      <w:pPr>
        <w:rPr>
          <w:rFonts w:eastAsia="Times New Roman"/>
        </w:rPr>
      </w:pPr>
      <w:r w:rsidRPr="00100346">
        <w:rPr>
          <w:rFonts w:eastAsia="Times New Roman"/>
          <w:noProof/>
        </w:rPr>
        <w:drawing>
          <wp:anchor distT="0" distB="0" distL="114300" distR="114300" simplePos="0" relativeHeight="251658240" behindDoc="1" locked="0" layoutInCell="1" allowOverlap="1" wp14:anchorId="065CCA68" wp14:editId="5C6B0890">
            <wp:simplePos x="0" y="0"/>
            <wp:positionH relativeFrom="column">
              <wp:posOffset>2965037</wp:posOffset>
            </wp:positionH>
            <wp:positionV relativeFrom="paragraph">
              <wp:posOffset>-3674</wp:posOffset>
            </wp:positionV>
            <wp:extent cx="3486378" cy="1423869"/>
            <wp:effectExtent l="0" t="0" r="0" b="0"/>
            <wp:wrapNone/>
            <wp:docPr id="2" name="Picture 2" descr="Image result for boston children's hosp 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Image result for boston children's hosp logo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86378" cy="14238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100346">
        <w:rPr>
          <w:rFonts w:eastAsia="Times New Roman"/>
        </w:rPr>
        <w:fldChar w:fldCharType="begin"/>
      </w:r>
      <w:r w:rsidR="00AA3B01">
        <w:rPr>
          <w:rFonts w:eastAsia="Times New Roman"/>
        </w:rPr>
        <w:instrText xml:space="preserve"> INCLUDEPICTURE "C:\\var\\folders\\s5\\2vb14g7n453_16xv4yf0wrv40000gn\\T\\com.microsoft.Word\\WebArchiveCopyPasteTempFiles\\395271.jpg?lastModified=12\\10\\2016 00:43:53&amp;size=2&amp;v=683090" \* MERGEFORMAT </w:instrText>
      </w:r>
      <w:r w:rsidRPr="00100346">
        <w:rPr>
          <w:rFonts w:eastAsia="Times New Roman"/>
        </w:rPr>
        <w:fldChar w:fldCharType="separate"/>
      </w:r>
      <w:r w:rsidR="00E22D50">
        <w:rPr>
          <w:rFonts w:eastAsia="Times New Roman"/>
          <w:noProof/>
        </w:rPr>
        <w:drawing>
          <wp:inline distT="0" distB="0" distL="0" distR="0" wp14:anchorId="4CCF91D8" wp14:editId="75EDA03D">
            <wp:extent cx="2660904" cy="1588008"/>
            <wp:effectExtent l="0" t="0" r="6350" b="0"/>
            <wp:docPr id="3" name="Picture 3" descr="A red and white logo with text&#10;&#10;Description generated with high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MDSC logo new.jpg"/>
                    <pic:cNvPicPr/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660904" cy="158800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100346">
        <w:rPr>
          <w:rFonts w:eastAsia="Times New Roman"/>
        </w:rPr>
        <w:fldChar w:fldCharType="end"/>
      </w:r>
      <w:r>
        <w:rPr>
          <w:rFonts w:eastAsia="Times New Roman"/>
        </w:rPr>
        <w:t xml:space="preserve">  </w:t>
      </w:r>
    </w:p>
    <w:p w14:paraId="415A5217" w14:textId="77777777" w:rsidR="00100346" w:rsidRDefault="00100346" w:rsidP="00100346">
      <w:pPr>
        <w:rPr>
          <w:rFonts w:eastAsia="Times New Roman"/>
        </w:rPr>
      </w:pPr>
    </w:p>
    <w:p w14:paraId="30CDABC8" w14:textId="0CF1DA02" w:rsidR="00100346" w:rsidRPr="00100346" w:rsidRDefault="00100346" w:rsidP="00100346">
      <w:pPr>
        <w:rPr>
          <w:rFonts w:eastAsia="Times New Roman"/>
        </w:rPr>
      </w:pPr>
      <w:r w:rsidRPr="00100346">
        <w:rPr>
          <w:rFonts w:eastAsia="Times New Roman"/>
        </w:rPr>
        <w:fldChar w:fldCharType="begin"/>
      </w:r>
      <w:r w:rsidR="00AA3B01">
        <w:rPr>
          <w:rFonts w:eastAsia="Times New Roman"/>
        </w:rPr>
        <w:instrText xml:space="preserve"> INCLUDEPICTURE "C:\\var\\folders\\s5\\2vb14g7n453_16xv4yf0wrv40000gn\\T\\com.microsoft.Word\\WebArchiveCopyPasteTempFiles\\boston-childrens-hospital-logo-600x245.png" \* MERGEFORMAT </w:instrText>
      </w:r>
      <w:r w:rsidRPr="00100346">
        <w:rPr>
          <w:rFonts w:eastAsia="Times New Roman"/>
        </w:rPr>
        <w:fldChar w:fldCharType="end"/>
      </w:r>
    </w:p>
    <w:p w14:paraId="120EE51B" w14:textId="37E59087" w:rsidR="00100346" w:rsidRPr="00100346" w:rsidRDefault="00100346" w:rsidP="00100346">
      <w:pPr>
        <w:rPr>
          <w:rFonts w:eastAsia="Times New Roman"/>
        </w:rPr>
      </w:pPr>
    </w:p>
    <w:p w14:paraId="7308CC0A" w14:textId="77777777" w:rsidR="007E5B67" w:rsidRDefault="00100346" w:rsidP="00100346">
      <w:pPr>
        <w:jc w:val="center"/>
        <w:rPr>
          <w:rFonts w:ascii="Arial" w:hAnsi="Arial" w:cs="Arial"/>
          <w:sz w:val="28"/>
          <w:szCs w:val="28"/>
        </w:rPr>
      </w:pPr>
      <w:r>
        <w:rPr>
          <w:rFonts w:ascii="Arial" w:hAnsi="Arial" w:cs="Arial"/>
          <w:sz w:val="28"/>
          <w:szCs w:val="28"/>
        </w:rPr>
        <w:t xml:space="preserve">The Massachusetts Down Syndrome Congress (MDSC) and the Boston Children’s Hospital Down Syndrome Program </w:t>
      </w:r>
      <w:r w:rsidR="00BE13C3">
        <w:rPr>
          <w:rFonts w:ascii="Arial" w:hAnsi="Arial" w:cs="Arial"/>
          <w:sz w:val="28"/>
          <w:szCs w:val="28"/>
        </w:rPr>
        <w:t xml:space="preserve">are </w:t>
      </w:r>
      <w:r w:rsidR="002958E6">
        <w:rPr>
          <w:rFonts w:ascii="Arial" w:hAnsi="Arial" w:cs="Arial"/>
          <w:sz w:val="28"/>
          <w:szCs w:val="28"/>
        </w:rPr>
        <w:t>co-host</w:t>
      </w:r>
      <w:r w:rsidR="00BE13C3">
        <w:rPr>
          <w:rFonts w:ascii="Arial" w:hAnsi="Arial" w:cs="Arial"/>
          <w:sz w:val="28"/>
          <w:szCs w:val="28"/>
        </w:rPr>
        <w:t>ing</w:t>
      </w:r>
      <w:r w:rsidR="002958E6">
        <w:rPr>
          <w:rFonts w:ascii="Arial" w:hAnsi="Arial" w:cs="Arial"/>
          <w:sz w:val="28"/>
          <w:szCs w:val="28"/>
        </w:rPr>
        <w:t xml:space="preserve"> a </w:t>
      </w:r>
      <w:r w:rsidR="00BE13C3">
        <w:rPr>
          <w:rFonts w:ascii="Arial" w:hAnsi="Arial" w:cs="Arial"/>
          <w:sz w:val="28"/>
          <w:szCs w:val="28"/>
        </w:rPr>
        <w:t xml:space="preserve">quarterly </w:t>
      </w:r>
      <w:r w:rsidR="002958E6">
        <w:rPr>
          <w:rFonts w:ascii="Arial" w:hAnsi="Arial" w:cs="Arial"/>
          <w:sz w:val="28"/>
          <w:szCs w:val="28"/>
        </w:rPr>
        <w:t xml:space="preserve">support group for families of children with Down syndrome and special health care </w:t>
      </w:r>
      <w:r w:rsidR="00E22D50">
        <w:rPr>
          <w:rFonts w:ascii="Arial" w:hAnsi="Arial" w:cs="Arial"/>
          <w:sz w:val="28"/>
          <w:szCs w:val="28"/>
        </w:rPr>
        <w:t xml:space="preserve">and/or </w:t>
      </w:r>
    </w:p>
    <w:p w14:paraId="3332EB6F" w14:textId="3EBCFB7D" w:rsidR="00BF0CB4" w:rsidRDefault="00E22D50" w:rsidP="00100346">
      <w:pPr>
        <w:jc w:val="center"/>
        <w:rPr>
          <w:rFonts w:ascii="Arial" w:hAnsi="Arial" w:cs="Arial"/>
          <w:sz w:val="28"/>
          <w:szCs w:val="28"/>
        </w:rPr>
      </w:pPr>
      <w:r>
        <w:rPr>
          <w:rFonts w:ascii="Arial" w:hAnsi="Arial" w:cs="Arial"/>
          <w:sz w:val="28"/>
          <w:szCs w:val="28"/>
        </w:rPr>
        <w:t xml:space="preserve">behavioral </w:t>
      </w:r>
      <w:r w:rsidR="002958E6">
        <w:rPr>
          <w:rFonts w:ascii="Arial" w:hAnsi="Arial" w:cs="Arial"/>
          <w:sz w:val="28"/>
          <w:szCs w:val="28"/>
        </w:rPr>
        <w:t>needs.</w:t>
      </w:r>
    </w:p>
    <w:p w14:paraId="1CEF6AF1" w14:textId="27E65188" w:rsidR="00100346" w:rsidRDefault="00100346" w:rsidP="00100346">
      <w:pPr>
        <w:jc w:val="center"/>
        <w:rPr>
          <w:rFonts w:ascii="Arial" w:hAnsi="Arial" w:cs="Arial"/>
          <w:sz w:val="28"/>
          <w:szCs w:val="28"/>
        </w:rPr>
      </w:pPr>
    </w:p>
    <w:p w14:paraId="0B265B8C" w14:textId="77777777" w:rsidR="00E22D50" w:rsidRPr="00E22D50" w:rsidRDefault="00E22D50" w:rsidP="00100346">
      <w:pPr>
        <w:jc w:val="center"/>
        <w:rPr>
          <w:rFonts w:ascii="Arial" w:hAnsi="Arial" w:cs="Arial"/>
          <w:b/>
          <w:bCs/>
          <w:color w:val="44546A" w:themeColor="text2"/>
          <w:sz w:val="36"/>
          <w:szCs w:val="36"/>
        </w:rPr>
      </w:pPr>
      <w:r w:rsidRPr="00E22D50">
        <w:rPr>
          <w:rFonts w:ascii="Arial" w:hAnsi="Arial" w:cs="Arial"/>
          <w:b/>
          <w:bCs/>
          <w:color w:val="44546A" w:themeColor="text2"/>
          <w:sz w:val="36"/>
          <w:szCs w:val="36"/>
        </w:rPr>
        <w:t>Parents, please join us for a Zoom to connect with others, feel supported and share what you would like from this group (virtual/in-person meetings, speakers, resources, peer-to-peer support, etc.)</w:t>
      </w:r>
    </w:p>
    <w:p w14:paraId="0476AE12" w14:textId="77777777" w:rsidR="00E22D50" w:rsidRDefault="00E22D50" w:rsidP="004170A5">
      <w:pPr>
        <w:jc w:val="center"/>
        <w:rPr>
          <w:rFonts w:ascii="Arial" w:hAnsi="Arial" w:cs="Arial"/>
          <w:b/>
          <w:bCs/>
          <w:sz w:val="36"/>
          <w:szCs w:val="36"/>
        </w:rPr>
      </w:pPr>
    </w:p>
    <w:p w14:paraId="53A0FC87" w14:textId="2D6554F8" w:rsidR="00AA3B01" w:rsidRPr="007E5B67" w:rsidRDefault="00E22D50" w:rsidP="004170A5">
      <w:pPr>
        <w:jc w:val="center"/>
        <w:rPr>
          <w:rFonts w:ascii="Arial" w:hAnsi="Arial" w:cs="Arial"/>
          <w:b/>
          <w:bCs/>
          <w:sz w:val="36"/>
          <w:szCs w:val="36"/>
        </w:rPr>
      </w:pPr>
      <w:r w:rsidRPr="007E5B67">
        <w:rPr>
          <w:rFonts w:ascii="Arial" w:hAnsi="Arial" w:cs="Arial"/>
          <w:b/>
          <w:bCs/>
          <w:sz w:val="36"/>
          <w:szCs w:val="36"/>
        </w:rPr>
        <w:t>Saturday, April 27 from 9 – 10:30 AM</w:t>
      </w:r>
    </w:p>
    <w:p w14:paraId="2D52BEA1" w14:textId="57D2A6C1" w:rsidR="00E22D50" w:rsidRPr="007E5B67" w:rsidRDefault="00E22D50" w:rsidP="004170A5">
      <w:pPr>
        <w:jc w:val="center"/>
        <w:rPr>
          <w:rFonts w:ascii="Arial" w:hAnsi="Arial" w:cs="Arial"/>
          <w:b/>
          <w:bCs/>
          <w:sz w:val="28"/>
          <w:szCs w:val="28"/>
        </w:rPr>
      </w:pPr>
      <w:r w:rsidRPr="007E5B67">
        <w:rPr>
          <w:rFonts w:ascii="Arial" w:hAnsi="Arial" w:cs="Arial"/>
          <w:b/>
          <w:bCs/>
          <w:sz w:val="28"/>
          <w:szCs w:val="28"/>
        </w:rPr>
        <w:t>With Angela Lombardo, LICSW and Sarah Cullen</w:t>
      </w:r>
    </w:p>
    <w:p w14:paraId="3741F9A9" w14:textId="77777777" w:rsidR="00100346" w:rsidRDefault="00100346" w:rsidP="004170A5">
      <w:pPr>
        <w:rPr>
          <w:rFonts w:ascii="Arial" w:hAnsi="Arial" w:cs="Arial"/>
          <w:b/>
          <w:bCs/>
          <w:color w:val="FF0000"/>
          <w:sz w:val="36"/>
          <w:szCs w:val="36"/>
        </w:rPr>
      </w:pPr>
      <w:bookmarkStart w:id="0" w:name="_GoBack"/>
      <w:bookmarkEnd w:id="0"/>
    </w:p>
    <w:p w14:paraId="031B6995" w14:textId="300C2815" w:rsidR="002F39B2" w:rsidRDefault="00E22D50" w:rsidP="002F39B2">
      <w:pPr>
        <w:rPr>
          <w:rFonts w:ascii="Arial" w:hAnsi="Arial" w:cs="Arial"/>
          <w:b/>
          <w:bCs/>
          <w:color w:val="C00000"/>
          <w:sz w:val="32"/>
          <w:szCs w:val="32"/>
        </w:rPr>
      </w:pPr>
      <w:r>
        <w:rPr>
          <w:rFonts w:ascii="Arial" w:hAnsi="Arial" w:cs="Arial"/>
          <w:b/>
          <w:bCs/>
          <w:color w:val="C00000"/>
          <w:sz w:val="32"/>
          <w:szCs w:val="32"/>
        </w:rPr>
        <w:t xml:space="preserve">Please pre-register </w:t>
      </w:r>
      <w:hyperlink r:id="rId6" w:history="1">
        <w:r w:rsidRPr="00E22D50">
          <w:rPr>
            <w:rStyle w:val="Hyperlink"/>
            <w:rFonts w:ascii="Arial" w:hAnsi="Arial" w:cs="Arial"/>
            <w:b/>
            <w:bCs/>
            <w:sz w:val="32"/>
            <w:szCs w:val="32"/>
          </w:rPr>
          <w:t>HERE</w:t>
        </w:r>
      </w:hyperlink>
      <w:r>
        <w:rPr>
          <w:rFonts w:ascii="Arial" w:hAnsi="Arial" w:cs="Arial"/>
          <w:b/>
          <w:bCs/>
          <w:color w:val="C00000"/>
          <w:sz w:val="32"/>
          <w:szCs w:val="32"/>
        </w:rPr>
        <w:t xml:space="preserve"> so we can send friendly reminders closer to the meeting!</w:t>
      </w:r>
    </w:p>
    <w:p w14:paraId="51676FE6" w14:textId="083C9AF5" w:rsidR="00E22D50" w:rsidRDefault="00E22D50" w:rsidP="002F39B2">
      <w:pPr>
        <w:rPr>
          <w:rFonts w:ascii="Arial" w:hAnsi="Arial" w:cs="Arial"/>
          <w:b/>
          <w:bCs/>
          <w:color w:val="C00000"/>
          <w:sz w:val="32"/>
          <w:szCs w:val="32"/>
        </w:rPr>
      </w:pPr>
    </w:p>
    <w:p w14:paraId="6D7BED73" w14:textId="77777777" w:rsidR="002F39B2" w:rsidRPr="00E22D50" w:rsidRDefault="002F39B2" w:rsidP="002F39B2">
      <w:pPr>
        <w:rPr>
          <w:rFonts w:ascii="Arial" w:hAnsi="Arial" w:cs="Arial"/>
          <w:b/>
          <w:bCs/>
          <w:color w:val="C00000"/>
          <w:sz w:val="32"/>
          <w:szCs w:val="32"/>
        </w:rPr>
      </w:pPr>
    </w:p>
    <w:p w14:paraId="3952CD88" w14:textId="175521E7" w:rsidR="00E22D50" w:rsidRDefault="002F39B2" w:rsidP="002F39B2">
      <w:pPr>
        <w:rPr>
          <w:rFonts w:ascii="Arial" w:hAnsi="Arial" w:cs="Arial"/>
          <w:b/>
          <w:bCs/>
          <w:color w:val="C00000"/>
          <w:sz w:val="32"/>
          <w:szCs w:val="32"/>
        </w:rPr>
      </w:pPr>
      <w:r w:rsidRPr="00E22D50">
        <w:rPr>
          <w:rFonts w:ascii="Arial" w:hAnsi="Arial" w:cs="Arial"/>
          <w:b/>
          <w:bCs/>
          <w:color w:val="C00000"/>
          <w:sz w:val="32"/>
          <w:szCs w:val="32"/>
        </w:rPr>
        <w:t xml:space="preserve">Or email Sarah Cullen at </w:t>
      </w:r>
      <w:hyperlink r:id="rId7" w:history="1">
        <w:r w:rsidRPr="00E22D50">
          <w:rPr>
            <w:rStyle w:val="Hyperlink"/>
            <w:rFonts w:ascii="Arial" w:hAnsi="Arial" w:cs="Arial"/>
            <w:b/>
            <w:bCs/>
            <w:sz w:val="32"/>
            <w:szCs w:val="32"/>
          </w:rPr>
          <w:t>scullen@mdsc.org</w:t>
        </w:r>
      </w:hyperlink>
      <w:r w:rsidRPr="00E22D50">
        <w:rPr>
          <w:rFonts w:ascii="Arial" w:hAnsi="Arial" w:cs="Arial"/>
          <w:b/>
          <w:bCs/>
          <w:color w:val="C00000"/>
          <w:sz w:val="32"/>
          <w:szCs w:val="32"/>
        </w:rPr>
        <w:t xml:space="preserve"> or Angela Lombardo at </w:t>
      </w:r>
      <w:hyperlink r:id="rId8" w:history="1">
        <w:r w:rsidRPr="00E22D50">
          <w:rPr>
            <w:rStyle w:val="Hyperlink"/>
            <w:rFonts w:ascii="Arial" w:hAnsi="Arial" w:cs="Arial"/>
            <w:b/>
            <w:bCs/>
            <w:sz w:val="32"/>
            <w:szCs w:val="32"/>
          </w:rPr>
          <w:t>angela.lombardo@childrens.harvard.edu</w:t>
        </w:r>
      </w:hyperlink>
      <w:r w:rsidRPr="00E22D50">
        <w:rPr>
          <w:rFonts w:ascii="Arial" w:hAnsi="Arial" w:cs="Arial"/>
          <w:b/>
          <w:bCs/>
          <w:color w:val="C00000"/>
          <w:sz w:val="32"/>
          <w:szCs w:val="32"/>
        </w:rPr>
        <w:t xml:space="preserve"> for </w:t>
      </w:r>
      <w:r w:rsidR="00E22D50">
        <w:rPr>
          <w:rFonts w:ascii="Arial" w:hAnsi="Arial" w:cs="Arial"/>
          <w:b/>
          <w:bCs/>
          <w:color w:val="C00000"/>
          <w:sz w:val="32"/>
          <w:szCs w:val="32"/>
        </w:rPr>
        <w:t>more information!</w:t>
      </w:r>
    </w:p>
    <w:p w14:paraId="380267DF" w14:textId="4F579E64" w:rsidR="00E22D50" w:rsidRDefault="00E22D50" w:rsidP="002F39B2">
      <w:pPr>
        <w:rPr>
          <w:rFonts w:ascii="Arial" w:hAnsi="Arial" w:cs="Arial"/>
          <w:b/>
          <w:bCs/>
          <w:color w:val="C00000"/>
          <w:sz w:val="32"/>
          <w:szCs w:val="32"/>
        </w:rPr>
      </w:pPr>
    </w:p>
    <w:p w14:paraId="0C7EFB9E" w14:textId="7E8790C5" w:rsidR="00E22D50" w:rsidRDefault="00E22D50" w:rsidP="002F39B2">
      <w:pPr>
        <w:rPr>
          <w:rFonts w:ascii="Arial" w:hAnsi="Arial" w:cs="Arial"/>
          <w:b/>
          <w:bCs/>
          <w:color w:val="C00000"/>
          <w:sz w:val="32"/>
          <w:szCs w:val="32"/>
        </w:rPr>
      </w:pPr>
    </w:p>
    <w:p w14:paraId="31C9D47F" w14:textId="26E9DA97" w:rsidR="00E22D50" w:rsidRDefault="00E22D50" w:rsidP="002F39B2">
      <w:pPr>
        <w:rPr>
          <w:rFonts w:ascii="Arial" w:hAnsi="Arial" w:cs="Arial"/>
          <w:b/>
          <w:bCs/>
          <w:color w:val="C00000"/>
          <w:sz w:val="32"/>
          <w:szCs w:val="32"/>
        </w:rPr>
      </w:pPr>
    </w:p>
    <w:p w14:paraId="74738D26" w14:textId="463B24F9" w:rsidR="00E22D50" w:rsidRPr="00E22D50" w:rsidRDefault="00E22D50" w:rsidP="00E22D50">
      <w:pPr>
        <w:jc w:val="center"/>
        <w:rPr>
          <w:rFonts w:ascii="Arial" w:hAnsi="Arial" w:cs="Arial"/>
          <w:b/>
          <w:bCs/>
          <w:color w:val="44546A" w:themeColor="text2"/>
          <w:sz w:val="32"/>
          <w:szCs w:val="32"/>
        </w:rPr>
      </w:pPr>
      <w:r w:rsidRPr="00E22D50">
        <w:rPr>
          <w:rFonts w:ascii="Arial" w:hAnsi="Arial" w:cs="Arial"/>
          <w:b/>
          <w:bCs/>
          <w:color w:val="44546A" w:themeColor="text2"/>
          <w:sz w:val="32"/>
          <w:szCs w:val="32"/>
        </w:rPr>
        <w:t>We are here for you!</w:t>
      </w:r>
    </w:p>
    <w:p w14:paraId="49CAFF1B" w14:textId="56AFE6CE" w:rsidR="00100346" w:rsidRDefault="00100346" w:rsidP="00100346">
      <w:pPr>
        <w:jc w:val="center"/>
        <w:rPr>
          <w:rFonts w:ascii="Arial" w:hAnsi="Arial" w:cs="Arial"/>
          <w:b/>
          <w:bCs/>
          <w:color w:val="C00000"/>
          <w:sz w:val="32"/>
          <w:szCs w:val="32"/>
        </w:rPr>
      </w:pPr>
    </w:p>
    <w:p w14:paraId="35364EC5" w14:textId="77777777" w:rsidR="00E22D50" w:rsidRPr="00E22D50" w:rsidRDefault="00E22D50" w:rsidP="00100346">
      <w:pPr>
        <w:jc w:val="center"/>
        <w:rPr>
          <w:rFonts w:ascii="Arial" w:hAnsi="Arial" w:cs="Arial"/>
          <w:i/>
          <w:iCs/>
          <w:sz w:val="32"/>
          <w:szCs w:val="32"/>
        </w:rPr>
      </w:pPr>
    </w:p>
    <w:sectPr w:rsidR="00E22D50" w:rsidRPr="00E22D50" w:rsidSect="00100346">
      <w:pgSz w:w="12240" w:h="15840"/>
      <w:pgMar w:top="720" w:right="720" w:bottom="720" w:left="72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00346"/>
    <w:rsid w:val="00004F46"/>
    <w:rsid w:val="00005F24"/>
    <w:rsid w:val="00026198"/>
    <w:rsid w:val="00027329"/>
    <w:rsid w:val="00032F46"/>
    <w:rsid w:val="00036579"/>
    <w:rsid w:val="00047B76"/>
    <w:rsid w:val="000510FA"/>
    <w:rsid w:val="0005683B"/>
    <w:rsid w:val="0008041A"/>
    <w:rsid w:val="00080D7D"/>
    <w:rsid w:val="000A2DAE"/>
    <w:rsid w:val="000A73A2"/>
    <w:rsid w:val="000B505C"/>
    <w:rsid w:val="000D74DC"/>
    <w:rsid w:val="000E355F"/>
    <w:rsid w:val="000F1F1C"/>
    <w:rsid w:val="000F3912"/>
    <w:rsid w:val="00100346"/>
    <w:rsid w:val="00103880"/>
    <w:rsid w:val="00116DC4"/>
    <w:rsid w:val="001431EE"/>
    <w:rsid w:val="00147505"/>
    <w:rsid w:val="00164143"/>
    <w:rsid w:val="00171786"/>
    <w:rsid w:val="00177F41"/>
    <w:rsid w:val="00183C20"/>
    <w:rsid w:val="001C39FC"/>
    <w:rsid w:val="00205DF6"/>
    <w:rsid w:val="00217060"/>
    <w:rsid w:val="00220B38"/>
    <w:rsid w:val="00220E16"/>
    <w:rsid w:val="00250426"/>
    <w:rsid w:val="00266D57"/>
    <w:rsid w:val="002746B3"/>
    <w:rsid w:val="002759E6"/>
    <w:rsid w:val="0028405C"/>
    <w:rsid w:val="002958E6"/>
    <w:rsid w:val="002A3D94"/>
    <w:rsid w:val="002B19DC"/>
    <w:rsid w:val="002C0941"/>
    <w:rsid w:val="002C385F"/>
    <w:rsid w:val="002D1CFA"/>
    <w:rsid w:val="002D42E5"/>
    <w:rsid w:val="002E5FF0"/>
    <w:rsid w:val="002F39B2"/>
    <w:rsid w:val="002F76AD"/>
    <w:rsid w:val="003473C7"/>
    <w:rsid w:val="00350674"/>
    <w:rsid w:val="0036424E"/>
    <w:rsid w:val="003702AA"/>
    <w:rsid w:val="003770A7"/>
    <w:rsid w:val="003A2265"/>
    <w:rsid w:val="003B27FE"/>
    <w:rsid w:val="003C6827"/>
    <w:rsid w:val="003D240A"/>
    <w:rsid w:val="003E1167"/>
    <w:rsid w:val="00411CEE"/>
    <w:rsid w:val="004170A5"/>
    <w:rsid w:val="00420BB0"/>
    <w:rsid w:val="00422467"/>
    <w:rsid w:val="00423FC2"/>
    <w:rsid w:val="00455788"/>
    <w:rsid w:val="00470977"/>
    <w:rsid w:val="004933A4"/>
    <w:rsid w:val="004B0681"/>
    <w:rsid w:val="004B360C"/>
    <w:rsid w:val="004C0262"/>
    <w:rsid w:val="004C6DB4"/>
    <w:rsid w:val="004F0FA7"/>
    <w:rsid w:val="00520D76"/>
    <w:rsid w:val="005330DE"/>
    <w:rsid w:val="00541DA5"/>
    <w:rsid w:val="005475DD"/>
    <w:rsid w:val="005579D9"/>
    <w:rsid w:val="00560C71"/>
    <w:rsid w:val="005620A4"/>
    <w:rsid w:val="0058216B"/>
    <w:rsid w:val="00591372"/>
    <w:rsid w:val="005B2301"/>
    <w:rsid w:val="005C4F80"/>
    <w:rsid w:val="005C5C09"/>
    <w:rsid w:val="005D24BD"/>
    <w:rsid w:val="005E701B"/>
    <w:rsid w:val="005F024E"/>
    <w:rsid w:val="006633BC"/>
    <w:rsid w:val="006715FD"/>
    <w:rsid w:val="00683976"/>
    <w:rsid w:val="00687C1E"/>
    <w:rsid w:val="006A7EFB"/>
    <w:rsid w:val="006B7F96"/>
    <w:rsid w:val="006D42B4"/>
    <w:rsid w:val="006D4682"/>
    <w:rsid w:val="006D4A26"/>
    <w:rsid w:val="00712574"/>
    <w:rsid w:val="00715DE3"/>
    <w:rsid w:val="00722FBA"/>
    <w:rsid w:val="00732180"/>
    <w:rsid w:val="007559BF"/>
    <w:rsid w:val="007577B3"/>
    <w:rsid w:val="00761D28"/>
    <w:rsid w:val="00791C0D"/>
    <w:rsid w:val="00791D14"/>
    <w:rsid w:val="007921CF"/>
    <w:rsid w:val="007B5135"/>
    <w:rsid w:val="007C727A"/>
    <w:rsid w:val="007D186C"/>
    <w:rsid w:val="007E5B67"/>
    <w:rsid w:val="0081429A"/>
    <w:rsid w:val="00836FF7"/>
    <w:rsid w:val="008510E7"/>
    <w:rsid w:val="00863A1E"/>
    <w:rsid w:val="00864E7A"/>
    <w:rsid w:val="008A10CD"/>
    <w:rsid w:val="008A2259"/>
    <w:rsid w:val="008A61E7"/>
    <w:rsid w:val="008A61EC"/>
    <w:rsid w:val="008E5582"/>
    <w:rsid w:val="009110D8"/>
    <w:rsid w:val="00933512"/>
    <w:rsid w:val="00936582"/>
    <w:rsid w:val="00975C98"/>
    <w:rsid w:val="00980EF8"/>
    <w:rsid w:val="00985009"/>
    <w:rsid w:val="00986F09"/>
    <w:rsid w:val="009A4EF8"/>
    <w:rsid w:val="009A51F5"/>
    <w:rsid w:val="009C2E18"/>
    <w:rsid w:val="009D0CB0"/>
    <w:rsid w:val="009E21BD"/>
    <w:rsid w:val="009E67D3"/>
    <w:rsid w:val="00A054B2"/>
    <w:rsid w:val="00A3198A"/>
    <w:rsid w:val="00A3335B"/>
    <w:rsid w:val="00A34608"/>
    <w:rsid w:val="00A37842"/>
    <w:rsid w:val="00A400DA"/>
    <w:rsid w:val="00A66111"/>
    <w:rsid w:val="00A828A6"/>
    <w:rsid w:val="00A84FA0"/>
    <w:rsid w:val="00A879EB"/>
    <w:rsid w:val="00A97DCC"/>
    <w:rsid w:val="00AA3B01"/>
    <w:rsid w:val="00AB32F0"/>
    <w:rsid w:val="00AE0C4C"/>
    <w:rsid w:val="00AE3A67"/>
    <w:rsid w:val="00AF0CA8"/>
    <w:rsid w:val="00AF2C91"/>
    <w:rsid w:val="00B12660"/>
    <w:rsid w:val="00B24C70"/>
    <w:rsid w:val="00B27DF4"/>
    <w:rsid w:val="00B33097"/>
    <w:rsid w:val="00B4503F"/>
    <w:rsid w:val="00B5062E"/>
    <w:rsid w:val="00B67E6B"/>
    <w:rsid w:val="00B703BA"/>
    <w:rsid w:val="00B8161B"/>
    <w:rsid w:val="00B8445D"/>
    <w:rsid w:val="00BA0EFF"/>
    <w:rsid w:val="00BC60B5"/>
    <w:rsid w:val="00BD07B1"/>
    <w:rsid w:val="00BE13C3"/>
    <w:rsid w:val="00BE2342"/>
    <w:rsid w:val="00BF3901"/>
    <w:rsid w:val="00C10C24"/>
    <w:rsid w:val="00C209C1"/>
    <w:rsid w:val="00C20E18"/>
    <w:rsid w:val="00C428FA"/>
    <w:rsid w:val="00C61D8F"/>
    <w:rsid w:val="00C83E2D"/>
    <w:rsid w:val="00CC5C62"/>
    <w:rsid w:val="00CC60FD"/>
    <w:rsid w:val="00CF1C02"/>
    <w:rsid w:val="00D221D1"/>
    <w:rsid w:val="00D401FE"/>
    <w:rsid w:val="00D41388"/>
    <w:rsid w:val="00D50775"/>
    <w:rsid w:val="00D56E5E"/>
    <w:rsid w:val="00D65E1D"/>
    <w:rsid w:val="00D7396B"/>
    <w:rsid w:val="00D932EF"/>
    <w:rsid w:val="00DA4CB8"/>
    <w:rsid w:val="00DA5823"/>
    <w:rsid w:val="00DA6681"/>
    <w:rsid w:val="00DE0B0F"/>
    <w:rsid w:val="00DF400F"/>
    <w:rsid w:val="00E12015"/>
    <w:rsid w:val="00E22D50"/>
    <w:rsid w:val="00E35920"/>
    <w:rsid w:val="00E51F6B"/>
    <w:rsid w:val="00E53661"/>
    <w:rsid w:val="00E800AF"/>
    <w:rsid w:val="00E81232"/>
    <w:rsid w:val="00E93E02"/>
    <w:rsid w:val="00EA4F5B"/>
    <w:rsid w:val="00EB2C47"/>
    <w:rsid w:val="00EB3712"/>
    <w:rsid w:val="00EC0596"/>
    <w:rsid w:val="00EC644F"/>
    <w:rsid w:val="00EF2E16"/>
    <w:rsid w:val="00F147F5"/>
    <w:rsid w:val="00F256F2"/>
    <w:rsid w:val="00F364C4"/>
    <w:rsid w:val="00F43B4F"/>
    <w:rsid w:val="00F47669"/>
    <w:rsid w:val="00F821BD"/>
    <w:rsid w:val="00F8363B"/>
    <w:rsid w:val="00FA1F65"/>
    <w:rsid w:val="00FB016D"/>
    <w:rsid w:val="00FB436B"/>
    <w:rsid w:val="00FD26CC"/>
    <w:rsid w:val="00FE4626"/>
    <w:rsid w:val="00FF795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2FB7F53"/>
  <w14:defaultImageDpi w14:val="32767"/>
  <w15:chartTrackingRefBased/>
  <w15:docId w15:val="{C8E32C23-7326-8149-B300-0691D9BF245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Theme="minorHAnsi" w:hAnsi="Times New Roman" w:cs="Times New Roman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100346"/>
    <w:rPr>
      <w:color w:val="0563C1" w:themeColor="hyperlink"/>
      <w:u w:val="single"/>
    </w:rPr>
  </w:style>
  <w:style w:type="character" w:customStyle="1" w:styleId="UnresolvedMention1">
    <w:name w:val="Unresolved Mention1"/>
    <w:basedOn w:val="DefaultParagraphFont"/>
    <w:uiPriority w:val="99"/>
    <w:rsid w:val="00100346"/>
    <w:rPr>
      <w:color w:val="605E5C"/>
      <w:shd w:val="clear" w:color="auto" w:fill="E1DFDD"/>
    </w:rPr>
  </w:style>
  <w:style w:type="character" w:styleId="UnresolvedMention">
    <w:name w:val="Unresolved Mention"/>
    <w:basedOn w:val="DefaultParagraphFont"/>
    <w:uiPriority w:val="99"/>
    <w:semiHidden/>
    <w:unhideWhenUsed/>
    <w:rsid w:val="00E22D50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560655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44046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angela.lombardo@childrens.harvard.edu" TargetMode="External"/><Relationship Id="rId3" Type="http://schemas.openxmlformats.org/officeDocument/2006/relationships/webSettings" Target="webSettings.xml"/><Relationship Id="rId7" Type="http://schemas.openxmlformats.org/officeDocument/2006/relationships/hyperlink" Target="mailto:scullen@mdsc.org" TargetMode="Externa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yperlink" Target="https://mdsc.zoom.us/meeting/register/tJwkduGvrT8tHNfdEj9oiVXo4DmZNfpDITt4" TargetMode="External"/><Relationship Id="rId5" Type="http://schemas.openxmlformats.org/officeDocument/2006/relationships/image" Target="media/image2.jpg"/><Relationship Id="rId10" Type="http://schemas.openxmlformats.org/officeDocument/2006/relationships/theme" Target="theme/theme1.xml"/><Relationship Id="rId4" Type="http://schemas.openxmlformats.org/officeDocument/2006/relationships/image" Target="media/image1.png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1</Pages>
  <Words>201</Words>
  <Characters>1147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4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oherty, Emily J</dc:creator>
  <cp:keywords/>
  <dc:description/>
  <cp:lastModifiedBy>scull</cp:lastModifiedBy>
  <cp:revision>3</cp:revision>
  <dcterms:created xsi:type="dcterms:W3CDTF">2024-03-19T20:05:00Z</dcterms:created>
  <dcterms:modified xsi:type="dcterms:W3CDTF">2024-03-19T20:06:00Z</dcterms:modified>
</cp:coreProperties>
</file>